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6"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おさだ眼科クリニック</t>
    <phoneticPr fontId="3"/>
  </si>
  <si>
    <t>〒697-0022 浜田市浅井町   1508-11</t>
    <phoneticPr fontId="3"/>
  </si>
  <si>
    <t>〇</t>
  </si>
  <si>
    <t>個人</t>
  </si>
  <si>
    <t>眼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7127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6</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6</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6</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6</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6</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5</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2</v>
      </c>
      <c r="K157" s="99" t="str">
        <f t="shared" ref="K157:K172" si="1">IF(OR(COUNTIF(L157:O157,"未確認")&gt;0,COUNTIF(L157:O157,"*")&gt;0),"※","")</f>
        <v/>
      </c>
      <c r="L157" s="167">
        <v>4</v>
      </c>
      <c r="M157" s="167">
        <v>4</v>
      </c>
      <c r="N157" s="167">
        <v>4</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9</v>
      </c>
      <c r="K159" s="99" t="str">
        <f t="shared" si="1"/>
        <v/>
      </c>
      <c r="L159" s="167">
        <v>3</v>
      </c>
      <c r="M159" s="167">
        <v>3</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1</v>
      </c>
      <c r="K160" s="99" t="str">
        <f t="shared" si="1"/>
        <v/>
      </c>
      <c r="L160" s="168">
        <v>0.5</v>
      </c>
      <c r="M160" s="168">
        <v>0</v>
      </c>
      <c r="N160" s="168">
        <v>0.5</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4</v>
      </c>
      <c r="K171" s="99" t="str">
        <f t="shared" si="1"/>
        <v/>
      </c>
      <c r="L171" s="167">
        <v>2</v>
      </c>
      <c r="M171" s="167">
        <v>0</v>
      </c>
      <c r="N171" s="167">
        <v>2</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281</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8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28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281</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281</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28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281</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28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28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38</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281</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2:23Z</cp:lastPrinted>
  <dcterms:created xsi:type="dcterms:W3CDTF">2019-03-05T11:12:49Z</dcterms:created>
  <dcterms:modified xsi:type="dcterms:W3CDTF">2021-05-24T00:32:29Z</dcterms:modified>
</cp:coreProperties>
</file>